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88"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88"/>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eid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Graphics, Lettertype, grafische vormgeving&#10;&#10;Automatisch gegenereerde beschrijving">
            <a:extLst>
              <a:ext uri="{FF2B5EF4-FFF2-40B4-BE49-F238E27FC236}">
                <a16:creationId xmlns:a16="http://schemas.microsoft.com/office/drawing/2014/main" id="{CA347A9A-D075-29AD-A701-13E48FC2C4E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6584" y="4560410"/>
            <a:ext cx="1864668"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Graphics, Lettertype, grafische vormgeving&#10;&#10;Automatisch gegenereerde beschrijving">
            <a:extLst>
              <a:ext uri="{FF2B5EF4-FFF2-40B4-BE49-F238E27FC236}">
                <a16:creationId xmlns:a16="http://schemas.microsoft.com/office/drawing/2014/main" id="{EAD67072-20AA-F611-3E9E-A0E1ABFCE63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2647" y="3717815"/>
            <a:ext cx="1411446" cy="159218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18T15:06:49Z</dcterms:modified>
</cp:coreProperties>
</file>